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8. Spotrebný materiál k INVOS Adult rSO2\2. Príprava\"/>
    </mc:Choice>
  </mc:AlternateContent>
  <bookViews>
    <workbookView xWindow="0" yWindow="0" windowWidth="20730" windowHeight="11760"/>
  </bookViews>
  <sheets>
    <sheet name="Kalkulácia ceny " sheetId="17" r:id="rId1"/>
  </sheets>
  <definedNames>
    <definedName name="_xlnm.Print_Area" localSheetId="0">'Kalkulácia ceny '!$A$1:$M$4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0" i="17" l="1"/>
  <c r="L8" i="17"/>
  <c r="M8" i="17" s="1"/>
  <c r="K8" i="17"/>
  <c r="K9" i="17" l="1"/>
  <c r="L9" i="17"/>
  <c r="L10" i="17" s="1"/>
  <c r="M9" i="17" l="1"/>
  <c r="M10" i="17" s="1"/>
</calcChain>
</file>

<file path=xl/sharedStrings.xml><?xml version="1.0" encoding="utf-8"?>
<sst xmlns="http://schemas.openxmlformats.org/spreadsheetml/2006/main" count="110" uniqueCount="58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Spotrebný materiál k INVOS Adult rSO2</t>
    </r>
  </si>
  <si>
    <t>Snímač INVOS</t>
  </si>
  <si>
    <t>Sortiment položky č. 1 - Snímač INVOS</t>
  </si>
  <si>
    <t>Senzor pre dospelých A10 INVOS KIT</t>
  </si>
  <si>
    <t xml:space="preserve">Sortiment položky č. 2 - Senzor pre dospelých A10 INVOS KIT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65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68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left" vertical="center" wrapText="1"/>
      <protection locked="0"/>
    </xf>
    <xf numFmtId="164" fontId="2" fillId="0" borderId="47" xfId="0" applyNumberFormat="1" applyFont="1" applyFill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9" fontId="2" fillId="0" borderId="48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50" xfId="0" applyNumberFormat="1" applyFont="1" applyFill="1" applyBorder="1" applyAlignment="1" applyProtection="1">
      <alignment horizontal="right" vertical="center"/>
      <protection locked="0"/>
    </xf>
    <xf numFmtId="164" fontId="3" fillId="4" borderId="51" xfId="0" applyNumberFormat="1" applyFont="1" applyFill="1" applyBorder="1" applyAlignment="1" applyProtection="1">
      <alignment horizontal="right" vertical="center"/>
      <protection locked="0"/>
    </xf>
    <xf numFmtId="164" fontId="2" fillId="0" borderId="49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52" xfId="0" applyNumberFormat="1" applyFont="1" applyBorder="1" applyAlignment="1" applyProtection="1">
      <alignment horizontal="right" vertical="center" wrapText="1"/>
      <protection locked="0"/>
    </xf>
    <xf numFmtId="164" fontId="2" fillId="6" borderId="46" xfId="0" applyNumberFormat="1" applyFont="1" applyFill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2" fillId="0" borderId="53" xfId="0" applyFont="1" applyBorder="1" applyAlignment="1" applyProtection="1">
      <alignment horizontal="center" vertical="center" wrapText="1"/>
      <protection locked="0"/>
    </xf>
    <xf numFmtId="0" fontId="2" fillId="0" borderId="54" xfId="0" applyFont="1" applyBorder="1" applyAlignment="1">
      <alignment horizontal="center" vertical="center" wrapText="1"/>
    </xf>
    <xf numFmtId="9" fontId="2" fillId="0" borderId="49" xfId="0" applyNumberFormat="1" applyFont="1" applyBorder="1" applyAlignment="1" applyProtection="1">
      <alignment horizontal="center" vertical="center" wrapText="1"/>
      <protection locked="0"/>
    </xf>
    <xf numFmtId="164" fontId="5" fillId="0" borderId="55" xfId="0" applyNumberFormat="1" applyFont="1" applyFill="1" applyBorder="1" applyAlignment="1">
      <alignment vertical="center"/>
    </xf>
    <xf numFmtId="0" fontId="2" fillId="0" borderId="56" xfId="0" applyFont="1" applyBorder="1" applyAlignment="1" applyProtection="1">
      <alignment horizontal="center" vertical="center" wrapText="1"/>
      <protection locked="0"/>
    </xf>
    <xf numFmtId="0" fontId="5" fillId="0" borderId="57" xfId="1" applyFont="1" applyBorder="1" applyAlignment="1">
      <alignment horizontal="left" vertical="center"/>
    </xf>
    <xf numFmtId="0" fontId="2" fillId="0" borderId="58" xfId="0" applyFont="1" applyBorder="1" applyAlignment="1">
      <alignment horizontal="center" vertical="center" wrapText="1"/>
    </xf>
    <xf numFmtId="0" fontId="2" fillId="0" borderId="16" xfId="0" applyFont="1" applyBorder="1" applyAlignment="1" applyProtection="1">
      <alignment horizontal="left" vertical="center" wrapText="1"/>
      <protection locked="0"/>
    </xf>
    <xf numFmtId="164" fontId="2" fillId="6" borderId="60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61" xfId="0" applyNumberFormat="1" applyFont="1" applyBorder="1" applyAlignment="1" applyProtection="1">
      <alignment horizontal="center" vertical="center" wrapText="1"/>
      <protection locked="0"/>
    </xf>
    <xf numFmtId="164" fontId="2" fillId="0" borderId="6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63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64" xfId="0" applyNumberFormat="1" applyFont="1" applyFill="1" applyBorder="1" applyAlignment="1">
      <alignment vertical="center"/>
    </xf>
    <xf numFmtId="3" fontId="5" fillId="4" borderId="57" xfId="0" applyNumberFormat="1" applyFont="1" applyFill="1" applyBorder="1" applyAlignment="1">
      <alignment horizontal="center" vertical="center" wrapText="1"/>
    </xf>
    <xf numFmtId="3" fontId="5" fillId="4" borderId="45" xfId="0" applyNumberFormat="1" applyFont="1" applyFill="1" applyBorder="1" applyAlignment="1">
      <alignment horizontal="center" vertical="center" wrapText="1"/>
    </xf>
    <xf numFmtId="0" fontId="5" fillId="0" borderId="45" xfId="1" applyFont="1" applyBorder="1" applyAlignment="1">
      <alignment horizontal="left" vertical="center" wrapText="1"/>
    </xf>
    <xf numFmtId="0" fontId="2" fillId="0" borderId="59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3" fontId="2" fillId="4" borderId="0" xfId="0" applyNumberFormat="1" applyFont="1" applyFill="1" applyBorder="1" applyAlignment="1" applyProtection="1">
      <alignment horizontal="center" vertical="center" wrapText="1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J45"/>
  <sheetViews>
    <sheetView showGridLines="0" tabSelected="1" zoomScale="80" zoomScaleNormal="80" workbookViewId="0">
      <selection activeCell="N20" sqref="N20"/>
    </sheetView>
  </sheetViews>
  <sheetFormatPr defaultColWidth="9.140625" defaultRowHeight="12" x14ac:dyDescent="0.2"/>
  <cols>
    <col min="1" max="1" width="5" style="6" customWidth="1"/>
    <col min="2" max="2" width="30.42578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13" t="s">
        <v>47</v>
      </c>
      <c r="B1" s="113"/>
      <c r="C1" s="113"/>
      <c r="D1" s="113"/>
      <c r="E1" s="113"/>
      <c r="F1" s="113"/>
      <c r="G1" s="113"/>
      <c r="H1" s="113"/>
      <c r="I1" s="113"/>
      <c r="J1" s="113"/>
      <c r="K1" s="113"/>
      <c r="L1" s="113"/>
      <c r="M1" s="113"/>
      <c r="N1" s="4"/>
      <c r="O1" s="4"/>
      <c r="P1" s="4"/>
      <c r="Q1" s="4"/>
      <c r="R1" s="4"/>
      <c r="S1" s="4"/>
      <c r="T1" s="4"/>
      <c r="U1" s="4"/>
      <c r="V1" s="75"/>
    </row>
    <row r="2" spans="1:62" ht="24.95" customHeight="1" x14ac:dyDescent="0.2">
      <c r="A2" s="76" t="s">
        <v>53</v>
      </c>
      <c r="B2" s="77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11.25" customHeight="1" x14ac:dyDescent="0.2">
      <c r="A3" s="114"/>
      <c r="B3" s="114"/>
      <c r="C3" s="114"/>
      <c r="D3" s="114"/>
      <c r="E3" s="114"/>
      <c r="F3" s="114"/>
      <c r="G3" s="114"/>
      <c r="H3" s="114"/>
      <c r="I3" s="114"/>
      <c r="J3" s="114"/>
      <c r="K3" s="114"/>
      <c r="L3" s="114"/>
    </row>
    <row r="4" spans="1:62" ht="8.25" customHeight="1" thickBot="1" x14ac:dyDescent="0.25">
      <c r="A4" s="78"/>
      <c r="B4" s="78"/>
      <c r="C4" s="78"/>
      <c r="D4" s="78"/>
      <c r="E4" s="78"/>
      <c r="F4" s="78"/>
      <c r="G4" s="78"/>
      <c r="H4" s="78"/>
      <c r="I4" s="78"/>
      <c r="J4" s="78"/>
      <c r="K4" s="78"/>
      <c r="L4" s="78"/>
    </row>
    <row r="5" spans="1:62" s="79" customFormat="1" ht="40.5" customHeight="1" x14ac:dyDescent="0.25">
      <c r="A5" s="115" t="s">
        <v>23</v>
      </c>
      <c r="B5" s="117" t="s">
        <v>24</v>
      </c>
      <c r="C5" s="119" t="s">
        <v>41</v>
      </c>
      <c r="D5" s="121" t="s">
        <v>50</v>
      </c>
      <c r="E5" s="123" t="s">
        <v>28</v>
      </c>
      <c r="F5" s="123" t="s">
        <v>29</v>
      </c>
      <c r="G5" s="123" t="s">
        <v>30</v>
      </c>
      <c r="H5" s="105" t="s">
        <v>31</v>
      </c>
      <c r="I5" s="125" t="s">
        <v>44</v>
      </c>
      <c r="J5" s="126"/>
      <c r="K5" s="126"/>
      <c r="L5" s="125" t="s">
        <v>45</v>
      </c>
      <c r="M5" s="127"/>
      <c r="O5" s="31"/>
      <c r="P5" s="31"/>
    </row>
    <row r="6" spans="1:62" s="79" customFormat="1" ht="33" customHeight="1" x14ac:dyDescent="0.25">
      <c r="A6" s="116"/>
      <c r="B6" s="118"/>
      <c r="C6" s="120"/>
      <c r="D6" s="122"/>
      <c r="E6" s="124"/>
      <c r="F6" s="124"/>
      <c r="G6" s="124"/>
      <c r="H6" s="104"/>
      <c r="I6" s="53" t="s">
        <v>25</v>
      </c>
      <c r="J6" s="54" t="s">
        <v>32</v>
      </c>
      <c r="K6" s="55" t="s">
        <v>27</v>
      </c>
      <c r="L6" s="56" t="s">
        <v>25</v>
      </c>
      <c r="M6" s="92" t="s">
        <v>27</v>
      </c>
      <c r="O6" s="98"/>
      <c r="P6" s="98"/>
    </row>
    <row r="7" spans="1:62" s="80" customFormat="1" ht="14.1" customHeight="1" x14ac:dyDescent="0.25">
      <c r="A7" s="93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87" t="s">
        <v>18</v>
      </c>
      <c r="J7" s="90" t="s">
        <v>33</v>
      </c>
      <c r="K7" s="89" t="s">
        <v>34</v>
      </c>
      <c r="L7" s="88" t="s">
        <v>35</v>
      </c>
      <c r="M7" s="94" t="s">
        <v>36</v>
      </c>
      <c r="O7" s="91"/>
      <c r="P7" s="91"/>
    </row>
    <row r="8" spans="1:62" s="80" customFormat="1" ht="44.25" customHeight="1" x14ac:dyDescent="0.25">
      <c r="A8" s="148" t="s">
        <v>52</v>
      </c>
      <c r="B8" s="149" t="s">
        <v>54</v>
      </c>
      <c r="C8" s="150" t="s">
        <v>43</v>
      </c>
      <c r="D8" s="157">
        <v>600</v>
      </c>
      <c r="E8" s="151"/>
      <c r="F8" s="161"/>
      <c r="G8" s="161"/>
      <c r="H8" s="160"/>
      <c r="I8" s="152"/>
      <c r="J8" s="153"/>
      <c r="K8" s="154">
        <f>I8*1.23</f>
        <v>0</v>
      </c>
      <c r="L8" s="155">
        <f>D8*I8</f>
        <v>0</v>
      </c>
      <c r="M8" s="156">
        <f>L8+(L8*J8)</f>
        <v>0</v>
      </c>
      <c r="O8" s="35"/>
      <c r="P8" s="35"/>
    </row>
    <row r="9" spans="1:62" s="80" customFormat="1" ht="44.25" customHeight="1" thickBot="1" x14ac:dyDescent="0.3">
      <c r="A9" s="144" t="s">
        <v>11</v>
      </c>
      <c r="B9" s="159" t="s">
        <v>56</v>
      </c>
      <c r="C9" s="145" t="s">
        <v>43</v>
      </c>
      <c r="D9" s="158">
        <v>3300</v>
      </c>
      <c r="E9" s="95"/>
      <c r="F9" s="95"/>
      <c r="G9" s="95"/>
      <c r="H9" s="95"/>
      <c r="I9" s="111"/>
      <c r="J9" s="146"/>
      <c r="K9" s="96">
        <f>I9*1.23</f>
        <v>0</v>
      </c>
      <c r="L9" s="108">
        <f>D9*I9</f>
        <v>0</v>
      </c>
      <c r="M9" s="147">
        <f>L9+(L9*J9)</f>
        <v>0</v>
      </c>
      <c r="O9" s="35"/>
      <c r="P9" s="35"/>
    </row>
    <row r="10" spans="1:62" s="81" customFormat="1" ht="28.5" customHeight="1" thickBot="1" x14ac:dyDescent="0.25">
      <c r="A10" s="36"/>
      <c r="B10" s="97"/>
      <c r="C10" s="37"/>
      <c r="D10" s="99">
        <f>SUM(D8:D9)</f>
        <v>3900</v>
      </c>
      <c r="E10" s="38"/>
      <c r="F10" s="38"/>
      <c r="G10" s="38"/>
      <c r="H10" s="38"/>
      <c r="I10" s="37"/>
      <c r="J10" s="37"/>
      <c r="K10" s="73" t="s">
        <v>46</v>
      </c>
      <c r="L10" s="106">
        <f>SUM(L8:L9)</f>
        <v>0</v>
      </c>
      <c r="M10" s="107">
        <f>SUM(M8:M9)</f>
        <v>0</v>
      </c>
      <c r="O10" s="39"/>
      <c r="P10" s="39"/>
    </row>
    <row r="11" spans="1:62" s="81" customFormat="1" ht="28.5" customHeight="1" x14ac:dyDescent="0.2">
      <c r="A11" s="36"/>
      <c r="B11" s="97"/>
      <c r="C11" s="37"/>
      <c r="D11" s="99"/>
      <c r="E11" s="38"/>
      <c r="F11" s="38"/>
      <c r="G11" s="38"/>
      <c r="H11" s="38"/>
      <c r="I11" s="37"/>
      <c r="J11" s="37"/>
      <c r="K11" s="73"/>
      <c r="L11" s="102"/>
      <c r="M11" s="103"/>
      <c r="O11" s="39"/>
      <c r="P11" s="39"/>
    </row>
    <row r="12" spans="1:62" s="81" customFormat="1" ht="33" customHeight="1" x14ac:dyDescent="0.2">
      <c r="A12" s="36"/>
      <c r="B12" s="97"/>
      <c r="C12" s="37"/>
      <c r="D12" s="99"/>
      <c r="E12" s="38"/>
      <c r="F12" s="38"/>
      <c r="G12" s="38"/>
      <c r="H12" s="38"/>
      <c r="I12" s="37"/>
      <c r="J12" s="37"/>
      <c r="K12" s="73"/>
      <c r="L12" s="102"/>
      <c r="M12" s="103"/>
      <c r="O12" s="39"/>
      <c r="P12" s="39"/>
    </row>
    <row r="13" spans="1:62" s="40" customFormat="1" ht="18" customHeight="1" x14ac:dyDescent="0.25">
      <c r="A13" s="128" t="s">
        <v>55</v>
      </c>
      <c r="B13" s="128"/>
      <c r="C13" s="128"/>
      <c r="D13" s="128"/>
      <c r="E13" s="128"/>
      <c r="F13" s="128"/>
      <c r="G13" s="128"/>
      <c r="H13" s="128"/>
      <c r="I13" s="128"/>
      <c r="J13" s="128"/>
      <c r="K13" s="128"/>
    </row>
    <row r="14" spans="1:62" s="31" customFormat="1" ht="33" customHeight="1" x14ac:dyDescent="0.25">
      <c r="A14" s="129" t="s">
        <v>23</v>
      </c>
      <c r="B14" s="129" t="s">
        <v>37</v>
      </c>
      <c r="C14" s="129" t="s">
        <v>38</v>
      </c>
      <c r="D14" s="129" t="s">
        <v>29</v>
      </c>
      <c r="E14" s="129" t="s">
        <v>31</v>
      </c>
      <c r="F14" s="129" t="s">
        <v>39</v>
      </c>
      <c r="G14" s="129" t="s">
        <v>40</v>
      </c>
      <c r="H14" s="131" t="s">
        <v>42</v>
      </c>
      <c r="I14" s="132"/>
      <c r="J14" s="132"/>
      <c r="K14" s="136" t="s">
        <v>51</v>
      </c>
      <c r="L14" s="138"/>
      <c r="M14" s="138"/>
    </row>
    <row r="15" spans="1:62" s="31" customFormat="1" ht="22.5" customHeight="1" x14ac:dyDescent="0.25">
      <c r="A15" s="130"/>
      <c r="B15" s="130"/>
      <c r="C15" s="130"/>
      <c r="D15" s="130"/>
      <c r="E15" s="130"/>
      <c r="F15" s="130"/>
      <c r="G15" s="130"/>
      <c r="H15" s="32" t="s">
        <v>25</v>
      </c>
      <c r="I15" s="33" t="s">
        <v>26</v>
      </c>
      <c r="J15" s="64" t="s">
        <v>27</v>
      </c>
      <c r="K15" s="137"/>
      <c r="L15" s="66"/>
      <c r="M15" s="66"/>
    </row>
    <row r="16" spans="1:62" s="35" customFormat="1" ht="14.1" customHeight="1" x14ac:dyDescent="0.25">
      <c r="A16" s="60" t="s">
        <v>0</v>
      </c>
      <c r="B16" s="41" t="s">
        <v>11</v>
      </c>
      <c r="C16" s="41" t="s">
        <v>12</v>
      </c>
      <c r="D16" s="86" t="s">
        <v>13</v>
      </c>
      <c r="E16" s="60" t="s">
        <v>14</v>
      </c>
      <c r="F16" s="42" t="s">
        <v>15</v>
      </c>
      <c r="G16" s="34" t="s">
        <v>16</v>
      </c>
      <c r="H16" s="43" t="s">
        <v>17</v>
      </c>
      <c r="I16" s="44" t="s">
        <v>18</v>
      </c>
      <c r="J16" s="65" t="s">
        <v>33</v>
      </c>
      <c r="K16" s="68" t="s">
        <v>34</v>
      </c>
      <c r="L16" s="74"/>
      <c r="M16" s="74"/>
      <c r="N16" s="45"/>
      <c r="O16" s="45"/>
      <c r="P16" s="45"/>
      <c r="Q16" s="45"/>
      <c r="R16" s="45"/>
      <c r="S16" s="45"/>
      <c r="T16" s="45"/>
      <c r="U16" s="45"/>
      <c r="V16" s="45"/>
      <c r="W16" s="45"/>
      <c r="X16" s="45"/>
      <c r="Y16" s="45"/>
      <c r="Z16" s="45"/>
      <c r="AA16" s="45"/>
      <c r="AB16" s="45"/>
      <c r="AC16" s="45"/>
      <c r="AD16" s="45"/>
      <c r="AE16" s="45"/>
      <c r="AF16" s="45"/>
      <c r="AG16" s="45"/>
      <c r="AH16" s="45"/>
      <c r="AI16" s="45"/>
      <c r="AJ16" s="45"/>
      <c r="AK16" s="45"/>
      <c r="AL16" s="45"/>
      <c r="AM16" s="45"/>
      <c r="AN16" s="45"/>
      <c r="AO16" s="45"/>
      <c r="AP16" s="45"/>
      <c r="AQ16" s="45"/>
      <c r="AR16" s="45"/>
      <c r="AS16" s="45"/>
      <c r="AT16" s="45"/>
      <c r="AU16" s="45"/>
      <c r="AV16" s="45"/>
      <c r="AW16" s="45"/>
      <c r="AX16" s="45"/>
      <c r="AY16" s="45"/>
      <c r="AZ16" s="45"/>
      <c r="BA16" s="45"/>
      <c r="BB16" s="45"/>
      <c r="BC16" s="45"/>
      <c r="BD16" s="45"/>
      <c r="BE16" s="45"/>
      <c r="BF16" s="45"/>
      <c r="BG16" s="45"/>
      <c r="BH16" s="45"/>
      <c r="BI16" s="45"/>
      <c r="BJ16" s="45"/>
    </row>
    <row r="17" spans="1:62" s="35" customFormat="1" ht="28.5" customHeight="1" x14ac:dyDescent="0.25">
      <c r="A17" s="59" t="s">
        <v>0</v>
      </c>
      <c r="B17" s="46" t="s">
        <v>48</v>
      </c>
      <c r="C17" s="47"/>
      <c r="D17" s="57"/>
      <c r="E17" s="57"/>
      <c r="F17" s="57"/>
      <c r="G17" s="57" t="s">
        <v>43</v>
      </c>
      <c r="H17" s="70"/>
      <c r="I17" s="72"/>
      <c r="J17" s="71"/>
      <c r="K17" s="162">
        <v>600</v>
      </c>
      <c r="L17" s="67"/>
      <c r="M17" s="67"/>
    </row>
    <row r="18" spans="1:62" s="35" customFormat="1" ht="28.5" customHeight="1" x14ac:dyDescent="0.25">
      <c r="A18" s="58" t="s">
        <v>11</v>
      </c>
      <c r="B18" s="48"/>
      <c r="C18" s="49"/>
      <c r="D18" s="58"/>
      <c r="E18" s="58"/>
      <c r="F18" s="58"/>
      <c r="G18" s="59"/>
      <c r="H18" s="70"/>
      <c r="I18" s="72"/>
      <c r="J18" s="71"/>
      <c r="K18" s="163"/>
      <c r="L18" s="67"/>
      <c r="M18" s="67"/>
      <c r="N18" s="91"/>
      <c r="O18" s="91"/>
    </row>
    <row r="19" spans="1:62" s="35" customFormat="1" ht="28.5" customHeight="1" x14ac:dyDescent="0.25">
      <c r="A19" s="61" t="s">
        <v>12</v>
      </c>
      <c r="B19" s="62"/>
      <c r="C19" s="63"/>
      <c r="D19" s="61"/>
      <c r="E19" s="61"/>
      <c r="F19" s="61"/>
      <c r="G19" s="61"/>
      <c r="H19" s="109"/>
      <c r="I19" s="100"/>
      <c r="J19" s="110"/>
      <c r="K19" s="164"/>
      <c r="L19" s="67"/>
      <c r="M19" s="67"/>
      <c r="N19" s="91"/>
      <c r="O19" s="91"/>
    </row>
    <row r="20" spans="1:62" s="35" customFormat="1" ht="28.5" customHeight="1" x14ac:dyDescent="0.25">
      <c r="A20" s="50"/>
      <c r="B20" s="112"/>
      <c r="C20" s="112"/>
      <c r="D20" s="50"/>
      <c r="E20" s="50"/>
      <c r="F20" s="50"/>
      <c r="G20" s="50"/>
      <c r="H20" s="165"/>
      <c r="I20" s="166"/>
      <c r="J20" s="165"/>
      <c r="K20" s="167"/>
      <c r="L20" s="67"/>
      <c r="M20" s="67"/>
      <c r="N20" s="91"/>
      <c r="O20" s="91"/>
    </row>
    <row r="21" spans="1:62" s="40" customFormat="1" ht="18" customHeight="1" x14ac:dyDescent="0.25">
      <c r="A21" s="128" t="s">
        <v>57</v>
      </c>
      <c r="B21" s="128"/>
      <c r="C21" s="128"/>
      <c r="D21" s="128"/>
      <c r="E21" s="128"/>
      <c r="F21" s="128"/>
      <c r="G21" s="128"/>
      <c r="H21" s="128"/>
      <c r="I21" s="128"/>
      <c r="J21" s="128"/>
      <c r="K21" s="128"/>
    </row>
    <row r="22" spans="1:62" s="31" customFormat="1" ht="33" customHeight="1" x14ac:dyDescent="0.25">
      <c r="A22" s="129" t="s">
        <v>23</v>
      </c>
      <c r="B22" s="129" t="s">
        <v>37</v>
      </c>
      <c r="C22" s="129" t="s">
        <v>38</v>
      </c>
      <c r="D22" s="129" t="s">
        <v>29</v>
      </c>
      <c r="E22" s="129" t="s">
        <v>31</v>
      </c>
      <c r="F22" s="129" t="s">
        <v>39</v>
      </c>
      <c r="G22" s="129" t="s">
        <v>40</v>
      </c>
      <c r="H22" s="131" t="s">
        <v>42</v>
      </c>
      <c r="I22" s="132"/>
      <c r="J22" s="132"/>
      <c r="K22" s="136" t="s">
        <v>51</v>
      </c>
      <c r="L22" s="138"/>
      <c r="M22" s="138"/>
    </row>
    <row r="23" spans="1:62" s="31" customFormat="1" ht="22.5" customHeight="1" x14ac:dyDescent="0.25">
      <c r="A23" s="130"/>
      <c r="B23" s="130"/>
      <c r="C23" s="130"/>
      <c r="D23" s="130"/>
      <c r="E23" s="130"/>
      <c r="F23" s="130"/>
      <c r="G23" s="130"/>
      <c r="H23" s="32" t="s">
        <v>25</v>
      </c>
      <c r="I23" s="33" t="s">
        <v>26</v>
      </c>
      <c r="J23" s="64" t="s">
        <v>27</v>
      </c>
      <c r="K23" s="137"/>
      <c r="L23" s="66"/>
      <c r="M23" s="66"/>
    </row>
    <row r="24" spans="1:62" s="35" customFormat="1" ht="14.1" customHeight="1" x14ac:dyDescent="0.25">
      <c r="A24" s="60" t="s">
        <v>0</v>
      </c>
      <c r="B24" s="41" t="s">
        <v>11</v>
      </c>
      <c r="C24" s="41" t="s">
        <v>12</v>
      </c>
      <c r="D24" s="86" t="s">
        <v>13</v>
      </c>
      <c r="E24" s="60" t="s">
        <v>14</v>
      </c>
      <c r="F24" s="42" t="s">
        <v>15</v>
      </c>
      <c r="G24" s="34" t="s">
        <v>16</v>
      </c>
      <c r="H24" s="43" t="s">
        <v>17</v>
      </c>
      <c r="I24" s="44" t="s">
        <v>18</v>
      </c>
      <c r="J24" s="65" t="s">
        <v>33</v>
      </c>
      <c r="K24" s="68" t="s">
        <v>34</v>
      </c>
      <c r="L24" s="74"/>
      <c r="M24" s="74"/>
      <c r="N24" s="45"/>
      <c r="O24" s="45"/>
      <c r="P24" s="45"/>
      <c r="Q24" s="45"/>
      <c r="R24" s="45"/>
      <c r="S24" s="45"/>
      <c r="T24" s="45"/>
      <c r="U24" s="45"/>
      <c r="V24" s="45"/>
      <c r="W24" s="45"/>
      <c r="X24" s="45"/>
      <c r="Y24" s="45"/>
      <c r="Z24" s="45"/>
      <c r="AA24" s="45"/>
      <c r="AB24" s="45"/>
      <c r="AC24" s="45"/>
      <c r="AD24" s="45"/>
      <c r="AE24" s="45"/>
      <c r="AF24" s="45"/>
      <c r="AG24" s="45"/>
      <c r="AH24" s="45"/>
      <c r="AI24" s="45"/>
      <c r="AJ24" s="45"/>
      <c r="AK24" s="45"/>
      <c r="AL24" s="45"/>
      <c r="AM24" s="45"/>
      <c r="AN24" s="45"/>
      <c r="AO24" s="45"/>
      <c r="AP24" s="45"/>
      <c r="AQ24" s="45"/>
      <c r="AR24" s="45"/>
      <c r="AS24" s="45"/>
      <c r="AT24" s="45"/>
      <c r="AU24" s="45"/>
      <c r="AV24" s="45"/>
      <c r="AW24" s="45"/>
      <c r="AX24" s="45"/>
      <c r="AY24" s="45"/>
      <c r="AZ24" s="45"/>
      <c r="BA24" s="45"/>
      <c r="BB24" s="45"/>
      <c r="BC24" s="45"/>
      <c r="BD24" s="45"/>
      <c r="BE24" s="45"/>
      <c r="BF24" s="45"/>
      <c r="BG24" s="45"/>
      <c r="BH24" s="45"/>
      <c r="BI24" s="45"/>
      <c r="BJ24" s="45"/>
    </row>
    <row r="25" spans="1:62" s="35" customFormat="1" ht="28.5" customHeight="1" x14ac:dyDescent="0.25">
      <c r="A25" s="59" t="s">
        <v>0</v>
      </c>
      <c r="B25" s="46" t="s">
        <v>48</v>
      </c>
      <c r="C25" s="47"/>
      <c r="D25" s="57"/>
      <c r="E25" s="57"/>
      <c r="F25" s="57"/>
      <c r="G25" s="57" t="s">
        <v>43</v>
      </c>
      <c r="H25" s="70"/>
      <c r="I25" s="72"/>
      <c r="J25" s="71"/>
      <c r="K25" s="162">
        <v>3300</v>
      </c>
      <c r="L25" s="67"/>
      <c r="M25" s="67"/>
    </row>
    <row r="26" spans="1:62" s="35" customFormat="1" ht="28.5" customHeight="1" x14ac:dyDescent="0.25">
      <c r="A26" s="58" t="s">
        <v>11</v>
      </c>
      <c r="B26" s="48"/>
      <c r="C26" s="49"/>
      <c r="D26" s="58"/>
      <c r="E26" s="58"/>
      <c r="F26" s="58"/>
      <c r="G26" s="59"/>
      <c r="H26" s="70"/>
      <c r="I26" s="72"/>
      <c r="J26" s="71"/>
      <c r="K26" s="163"/>
      <c r="L26" s="67"/>
      <c r="M26" s="67"/>
      <c r="N26" s="91"/>
      <c r="O26" s="91"/>
    </row>
    <row r="27" spans="1:62" s="35" customFormat="1" ht="28.5" customHeight="1" x14ac:dyDescent="0.25">
      <c r="A27" s="61" t="s">
        <v>12</v>
      </c>
      <c r="B27" s="62"/>
      <c r="C27" s="63"/>
      <c r="D27" s="61"/>
      <c r="E27" s="61"/>
      <c r="F27" s="61"/>
      <c r="G27" s="61"/>
      <c r="H27" s="109"/>
      <c r="I27" s="100"/>
      <c r="J27" s="110"/>
      <c r="K27" s="164"/>
      <c r="L27" s="67"/>
      <c r="M27" s="67"/>
      <c r="N27" s="91"/>
      <c r="O27" s="91"/>
    </row>
    <row r="28" spans="1:62" s="35" customFormat="1" ht="24.75" customHeight="1" x14ac:dyDescent="0.25">
      <c r="A28" s="135" t="s">
        <v>49</v>
      </c>
      <c r="B28" s="135"/>
      <c r="C28" s="135"/>
      <c r="D28" s="135"/>
      <c r="E28" s="135"/>
      <c r="F28" s="135"/>
      <c r="G28" s="135"/>
      <c r="H28" s="135"/>
      <c r="I28" s="135"/>
      <c r="J28" s="135"/>
      <c r="K28" s="135"/>
      <c r="L28" s="67"/>
      <c r="M28" s="67"/>
    </row>
    <row r="29" spans="1:62" s="35" customFormat="1" ht="33" customHeight="1" x14ac:dyDescent="0.25">
      <c r="A29" s="50"/>
      <c r="B29" s="101"/>
      <c r="C29" s="101"/>
      <c r="D29" s="50"/>
      <c r="E29" s="50"/>
      <c r="F29" s="50"/>
      <c r="G29" s="50"/>
      <c r="H29" s="50"/>
      <c r="I29" s="51"/>
      <c r="J29" s="52"/>
      <c r="K29" s="51"/>
      <c r="L29" s="82"/>
    </row>
    <row r="30" spans="1:62" s="17" customFormat="1" ht="20.100000000000001" customHeight="1" x14ac:dyDescent="0.2">
      <c r="A30" s="30" t="s">
        <v>3</v>
      </c>
      <c r="B30" s="30"/>
      <c r="C30" s="139"/>
      <c r="D30" s="139"/>
      <c r="E30" s="22"/>
      <c r="F30" s="16"/>
      <c r="G30" s="16"/>
      <c r="H30" s="16"/>
      <c r="I30" s="16"/>
      <c r="J30" s="16"/>
      <c r="K30" s="23"/>
      <c r="L30" s="23"/>
    </row>
    <row r="31" spans="1:62" s="17" customFormat="1" ht="20.100000000000001" customHeight="1" x14ac:dyDescent="0.2">
      <c r="A31" s="30" t="s">
        <v>4</v>
      </c>
      <c r="B31" s="30"/>
      <c r="C31" s="133"/>
      <c r="D31" s="133"/>
      <c r="E31" s="19"/>
      <c r="F31" s="16"/>
      <c r="G31" s="16"/>
      <c r="H31" s="16"/>
      <c r="I31" s="16"/>
      <c r="J31" s="16"/>
      <c r="K31" s="20"/>
      <c r="L31" s="21"/>
    </row>
    <row r="32" spans="1:62" s="17" customFormat="1" ht="20.100000000000001" customHeight="1" x14ac:dyDescent="0.2">
      <c r="A32" s="30" t="s">
        <v>5</v>
      </c>
      <c r="B32" s="30"/>
      <c r="C32" s="133"/>
      <c r="D32" s="133"/>
      <c r="E32" s="19"/>
      <c r="F32" s="16"/>
      <c r="G32" s="16"/>
      <c r="H32" s="16"/>
      <c r="I32" s="16"/>
      <c r="J32" s="16"/>
      <c r="K32" s="20"/>
      <c r="L32" s="21"/>
    </row>
    <row r="33" spans="1:62" s="17" customFormat="1" ht="20.100000000000001" customHeight="1" x14ac:dyDescent="0.25">
      <c r="A33" s="30"/>
      <c r="B33" s="30"/>
      <c r="C33" s="30"/>
      <c r="D33" s="18"/>
      <c r="E33" s="19"/>
      <c r="F33" s="16"/>
      <c r="G33" s="16"/>
      <c r="H33" s="16"/>
      <c r="I33" s="16"/>
      <c r="J33" s="16"/>
      <c r="K33" s="20"/>
      <c r="L33" s="21"/>
    </row>
    <row r="34" spans="1:62" s="17" customFormat="1" ht="20.100000000000001" customHeight="1" x14ac:dyDescent="0.2">
      <c r="A34" s="30" t="s">
        <v>6</v>
      </c>
      <c r="B34" s="30"/>
      <c r="C34" s="139"/>
      <c r="D34" s="139"/>
      <c r="E34" s="19"/>
      <c r="F34" s="16"/>
      <c r="G34" s="16"/>
      <c r="H34" s="16"/>
      <c r="I34" s="16"/>
      <c r="J34" s="16"/>
      <c r="K34" s="20"/>
      <c r="L34" s="21"/>
    </row>
    <row r="35" spans="1:62" s="17" customFormat="1" ht="20.100000000000001" customHeight="1" x14ac:dyDescent="0.2">
      <c r="A35" s="30" t="s">
        <v>7</v>
      </c>
      <c r="B35" s="30"/>
      <c r="C35" s="133"/>
      <c r="D35" s="133"/>
      <c r="E35" s="19"/>
      <c r="F35" s="16"/>
      <c r="G35" s="24" t="s">
        <v>19</v>
      </c>
      <c r="H35" s="134"/>
      <c r="I35" s="134"/>
      <c r="J35" s="16"/>
      <c r="K35" s="20"/>
      <c r="L35" s="21"/>
    </row>
    <row r="36" spans="1:62" s="17" customFormat="1" ht="20.100000000000001" customHeight="1" x14ac:dyDescent="0.2">
      <c r="A36" s="30" t="s">
        <v>8</v>
      </c>
      <c r="B36" s="30"/>
      <c r="C36" s="133"/>
      <c r="D36" s="133"/>
      <c r="E36" s="19"/>
      <c r="F36" s="16"/>
      <c r="G36" s="25"/>
      <c r="H36" s="26"/>
      <c r="I36" s="26"/>
    </row>
    <row r="37" spans="1:62" s="17" customFormat="1" ht="20.100000000000001" customHeight="1" x14ac:dyDescent="0.25">
      <c r="A37" s="18"/>
      <c r="B37" s="18"/>
      <c r="C37" s="18"/>
      <c r="D37" s="19"/>
      <c r="E37" s="19"/>
      <c r="F37" s="16"/>
      <c r="G37" s="27" t="s">
        <v>20</v>
      </c>
      <c r="H37" s="140"/>
      <c r="I37" s="140"/>
    </row>
    <row r="38" spans="1:62" s="17" customFormat="1" ht="20.100000000000001" customHeight="1" x14ac:dyDescent="0.25">
      <c r="A38" s="18"/>
      <c r="B38" s="18"/>
      <c r="C38" s="18"/>
      <c r="D38" s="19"/>
      <c r="E38" s="19"/>
      <c r="F38" s="16"/>
      <c r="G38" s="27" t="s">
        <v>21</v>
      </c>
      <c r="H38" s="141"/>
      <c r="I38" s="141"/>
    </row>
    <row r="39" spans="1:62" s="12" customFormat="1" ht="20.100000000000001" customHeight="1" x14ac:dyDescent="0.2">
      <c r="A39" s="9" t="s">
        <v>2</v>
      </c>
      <c r="B39" s="133"/>
      <c r="C39" s="133"/>
      <c r="D39" s="10"/>
      <c r="E39" s="10"/>
      <c r="F39" s="13"/>
      <c r="G39" s="28" t="s">
        <v>22</v>
      </c>
      <c r="H39" s="25"/>
      <c r="I39" s="29"/>
      <c r="M39" s="9"/>
    </row>
    <row r="40" spans="1:62" s="12" customFormat="1" ht="20.100000000000001" customHeight="1" x14ac:dyDescent="0.2">
      <c r="A40" s="9" t="s">
        <v>1</v>
      </c>
      <c r="B40" s="142"/>
      <c r="C40" s="142"/>
      <c r="D40" s="10"/>
      <c r="E40" s="10"/>
      <c r="F40" s="13"/>
      <c r="G40" s="13"/>
      <c r="H40" s="13"/>
      <c r="I40" s="13"/>
      <c r="M40" s="9"/>
    </row>
    <row r="41" spans="1:62" s="12" customFormat="1" x14ac:dyDescent="0.2">
      <c r="A41" s="9"/>
      <c r="B41" s="9"/>
      <c r="C41" s="9"/>
      <c r="D41" s="10"/>
      <c r="E41" s="10"/>
      <c r="F41" s="13"/>
      <c r="G41" s="13"/>
      <c r="H41" s="13"/>
      <c r="I41" s="13"/>
      <c r="J41" s="13"/>
      <c r="K41" s="11"/>
      <c r="L41" s="9"/>
      <c r="M41" s="9"/>
    </row>
    <row r="42" spans="1:62" s="12" customFormat="1" ht="15" customHeight="1" x14ac:dyDescent="0.2">
      <c r="A42" s="9"/>
      <c r="B42" s="9"/>
      <c r="D42" s="10"/>
      <c r="E42" s="10"/>
      <c r="F42" s="13"/>
      <c r="G42" s="13"/>
      <c r="H42" s="13"/>
      <c r="I42" s="13"/>
      <c r="J42" s="13"/>
      <c r="K42" s="11"/>
      <c r="L42" s="9"/>
      <c r="M42" s="9"/>
    </row>
    <row r="43" spans="1:62" s="1" customFormat="1" x14ac:dyDescent="0.2">
      <c r="A43" s="143" t="s">
        <v>9</v>
      </c>
      <c r="B43" s="143"/>
      <c r="D43" s="2"/>
      <c r="E43" s="2"/>
      <c r="F43" s="3"/>
      <c r="G43" s="3"/>
      <c r="H43" s="3"/>
      <c r="I43" s="3"/>
      <c r="J43" s="3"/>
      <c r="K43" s="14"/>
    </row>
    <row r="44" spans="1:62" x14ac:dyDescent="0.2">
      <c r="A44" s="83"/>
      <c r="B44" s="69" t="s">
        <v>10</v>
      </c>
    </row>
    <row r="45" spans="1:62" s="6" customFormat="1" ht="6.75" customHeight="1" x14ac:dyDescent="0.2">
      <c r="A45" s="84"/>
      <c r="B45" s="85"/>
      <c r="D45" s="7"/>
      <c r="E45" s="7"/>
      <c r="F45" s="5"/>
      <c r="G45" s="5"/>
      <c r="H45" s="5"/>
      <c r="I45" s="5"/>
      <c r="J45" s="5"/>
      <c r="K45" s="8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</row>
  </sheetData>
  <mergeCells count="48">
    <mergeCell ref="L22:M22"/>
    <mergeCell ref="K25:K27"/>
    <mergeCell ref="E22:E23"/>
    <mergeCell ref="F22:F23"/>
    <mergeCell ref="G22:G23"/>
    <mergeCell ref="H22:J22"/>
    <mergeCell ref="K22:K23"/>
    <mergeCell ref="H37:I37"/>
    <mergeCell ref="H38:I38"/>
    <mergeCell ref="B39:C39"/>
    <mergeCell ref="B40:C40"/>
    <mergeCell ref="A43:B43"/>
    <mergeCell ref="C36:D36"/>
    <mergeCell ref="H35:I35"/>
    <mergeCell ref="A28:K28"/>
    <mergeCell ref="K14:K15"/>
    <mergeCell ref="L14:M14"/>
    <mergeCell ref="K17:K19"/>
    <mergeCell ref="C30:D30"/>
    <mergeCell ref="C31:D31"/>
    <mergeCell ref="C32:D32"/>
    <mergeCell ref="C34:D34"/>
    <mergeCell ref="C35:D35"/>
    <mergeCell ref="A21:K21"/>
    <mergeCell ref="A22:A23"/>
    <mergeCell ref="B22:B23"/>
    <mergeCell ref="C22:C23"/>
    <mergeCell ref="D22:D23"/>
    <mergeCell ref="A13:K13"/>
    <mergeCell ref="A14:A15"/>
    <mergeCell ref="B14:B15"/>
    <mergeCell ref="C14:C15"/>
    <mergeCell ref="D14:D15"/>
    <mergeCell ref="E14:E15"/>
    <mergeCell ref="F14:F15"/>
    <mergeCell ref="G14:G15"/>
    <mergeCell ref="H14:J14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9:C39">
    <cfRule type="containsBlanks" dxfId="5" priority="6">
      <formula>LEN(TRIM(B39))=0</formula>
    </cfRule>
  </conditionalFormatting>
  <conditionalFormatting sqref="B40:C40">
    <cfRule type="containsBlanks" dxfId="4" priority="5">
      <formula>LEN(TRIM(B40))=0</formula>
    </cfRule>
  </conditionalFormatting>
  <conditionalFormatting sqref="H37:I37">
    <cfRule type="containsBlanks" dxfId="3" priority="4">
      <formula>LEN(TRIM(H37))=0</formula>
    </cfRule>
  </conditionalFormatting>
  <conditionalFormatting sqref="H38:I38">
    <cfRule type="containsBlanks" dxfId="2" priority="3">
      <formula>LEN(TRIM(H38))=0</formula>
    </cfRule>
  </conditionalFormatting>
  <conditionalFormatting sqref="C30:D32">
    <cfRule type="containsBlanks" dxfId="1" priority="2">
      <formula>LEN(TRIM(C30))=0</formula>
    </cfRule>
  </conditionalFormatting>
  <conditionalFormatting sqref="C34:D36">
    <cfRule type="containsBlanks" dxfId="0" priority="1">
      <formula>LEN(TRIM(C3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08-21T12:40:09Z</cp:lastPrinted>
  <dcterms:created xsi:type="dcterms:W3CDTF">2016-07-20T08:41:08Z</dcterms:created>
  <dcterms:modified xsi:type="dcterms:W3CDTF">2025-08-21T12:41:57Z</dcterms:modified>
</cp:coreProperties>
</file>